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mc:AlternateContent xmlns:mc="http://schemas.openxmlformats.org/markup-compatibility/2006">
    <mc:Choice Requires="x15">
      <x15ac:absPath xmlns:x15ac="http://schemas.microsoft.com/office/spreadsheetml/2010/11/ac" url="\\s04\VO_DOC\01. Súťaže\2026\02. Oddelenie VO\01. Prebiehajúce zákazky\02. Danka\12. Intrakardialna pumpa ... (Impela)\"/>
    </mc:Choice>
  </mc:AlternateContent>
  <xr:revisionPtr revIDLastSave="0" documentId="13_ncr:1_{DCCE7F44-1864-4121-826E-CF4D966CC9A2}" xr6:coauthVersionLast="47" xr6:coauthVersionMax="47" xr10:uidLastSave="{00000000-0000-0000-0000-000000000000}"/>
  <bookViews>
    <workbookView xWindow="-120" yWindow="-120" windowWidth="29040" windowHeight="15720" xr2:uid="{00000000-000D-0000-FFFF-FFFF00000000}"/>
  </bookViews>
  <sheets>
    <sheet name="PTK - Ponuka" sheetId="8" r:id="rId1"/>
  </sheets>
  <definedNames>
    <definedName name="_xlnm.Print_Area" localSheetId="0">'PTK - Ponuka'!$A$1:$F$10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1" uniqueCount="12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Predpokladané množstvo MJ za zmluvné obdobie
36 mesiacov</t>
  </si>
  <si>
    <t>33140000-3 Zdravotnícky spotrebný materiál</t>
  </si>
  <si>
    <t>Špeciálny zdravotnícky materiál pre intervenčnú kardiológiu s osobitným zreteľom na systém intravaskulárnej mikroaxilárnej katétrovej intrakardiálnej pumpy</t>
  </si>
  <si>
    <t>Špeciálny zdravotnícky materiál pre intervenčnú kardiológiu s osobitným zreteľom na systém intravaskulárnej mikroaxilárnej katétrovej intrakardiálnej pumpy.</t>
  </si>
  <si>
    <t>Systém intravaskulárnej mikroaxilárnej katétrovej intrakardiálnej pumpy</t>
  </si>
  <si>
    <t>Položka č. 1 - Systém intravaskulárnej mikroaxilárnej katétrovej intrakardiálnej pumpy</t>
  </si>
  <si>
    <t>Požaduje sa špeciálny zdravotnícky materiál pre intervenčnú kardiológiu s osobitným zreteľom na systém intravaskulárnej mikroaxilárnej katétrovej intrakardiálnej pumpy</t>
  </si>
  <si>
    <t xml:space="preserve">Pumpa umožňuje generovať maximálny prietok minimálne 2,5 l/min. Doba podpory minimálne 6 až 24 hodín. </t>
  </si>
  <si>
    <t>Systém je transkutánny</t>
  </si>
  <si>
    <t>Slúži na krátkodobú mechanickú podporu ľavej komory počas vysokorizikových perkutánnych koronárnych intervencií alebo pri akútnej hemodynamickej nestabilite</t>
  </si>
  <si>
    <t>Všetky komponenty musia byť sterilne balené a vyrobené z biokompatibilných materiálov</t>
  </si>
  <si>
    <t>Systém musí byť certifikovaný na použitie v EÚ</t>
  </si>
  <si>
    <t>Požaduje sa zabezpečenie odborného zaškolenia personálu pre implantáciu a prevádzku</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 xml:space="preserve">Systém musí umožňovať okamžité nasadenie počas PCI </t>
  </si>
  <si>
    <t>3</t>
  </si>
  <si>
    <t>4</t>
  </si>
  <si>
    <t>5</t>
  </si>
  <si>
    <t>Doklad s názvom ES vyhlásenie o zhod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si>
  <si>
    <t>V prípade, ak je to relevantné, Potvrdenie ŠÚKL (výstup z databázy registrovaných/evidovaných zdravotníckych pomôcok), resp. iné doklady, ktoré nahrádzajú požadované potvrdenie</t>
  </si>
  <si>
    <t>V prípade, ak je to relevantné, právoplatné Rozhodnutie o zaradení zdravotníckej pomôcky v Zozname ŠZM spolu s prílohou, v ktorej sú uvedené podrobnosti o zaradení ponúkaného produktu v Zozname ŠZM</t>
  </si>
  <si>
    <t>33182000-9 Prístroje na podporu srdcovej funkc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8">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style="thin">
        <color auto="1"/>
      </right>
      <top style="thin">
        <color auto="1"/>
      </top>
      <bottom style="dotted">
        <color indexed="64"/>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diagonal/>
    </border>
    <border>
      <left style="medium">
        <color auto="1"/>
      </left>
      <right style="thin">
        <color auto="1"/>
      </right>
      <top style="dotted">
        <color indexed="64"/>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bottom style="thin">
        <color auto="1"/>
      </bottom>
      <diagonal/>
    </border>
    <border>
      <left style="medium">
        <color auto="1"/>
      </left>
      <right style="thin">
        <color auto="1"/>
      </right>
      <top style="dotted">
        <color indexed="64"/>
      </top>
      <bottom style="thin">
        <color auto="1"/>
      </bottom>
      <diagonal/>
    </border>
    <border>
      <left style="medium">
        <color auto="1"/>
      </left>
      <right style="thin">
        <color auto="1"/>
      </right>
      <top/>
      <bottom/>
      <diagonal/>
    </border>
    <border>
      <left style="thin">
        <color auto="1"/>
      </left>
      <right style="medium">
        <color indexed="64"/>
      </right>
      <top style="dotted">
        <color indexed="64"/>
      </top>
      <bottom style="thin">
        <color auto="1"/>
      </bottom>
      <diagonal/>
    </border>
    <border>
      <left style="thin">
        <color auto="1"/>
      </left>
      <right style="medium">
        <color indexed="64"/>
      </right>
      <top style="thin">
        <color auto="1"/>
      </top>
      <bottom/>
      <diagonal/>
    </border>
    <border>
      <left style="thin">
        <color auto="1"/>
      </left>
      <right style="medium">
        <color indexed="64"/>
      </right>
      <top style="dotted">
        <color indexed="64"/>
      </top>
      <bottom style="dotted">
        <color indexed="64"/>
      </bottom>
      <diagonal/>
    </border>
    <border>
      <left style="thin">
        <color auto="1"/>
      </left>
      <right style="thin">
        <color auto="1"/>
      </right>
      <top/>
      <bottom/>
      <diagonal/>
    </border>
    <border>
      <left style="thin">
        <color auto="1"/>
      </left>
      <right style="medium">
        <color indexed="64"/>
      </right>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47">
    <xf numFmtId="0" fontId="0" fillId="0" borderId="0" xfId="0"/>
    <xf numFmtId="0" fontId="7" fillId="0" borderId="0" xfId="5" applyFont="1" applyAlignment="1" applyProtection="1">
      <alignment wrapText="1"/>
      <protection locked="0"/>
    </xf>
    <xf numFmtId="0" fontId="7" fillId="0" borderId="0" xfId="5" applyFont="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Protection="1">
      <protection locked="0"/>
    </xf>
    <xf numFmtId="164" fontId="14" fillId="0" borderId="0" xfId="6" applyNumberFormat="1" applyFont="1" applyAlignment="1" applyProtection="1">
      <alignment horizontal="right"/>
      <protection locked="0"/>
    </xf>
    <xf numFmtId="0" fontId="2" fillId="0" borderId="0" xfId="0" applyFont="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Font="1" applyFill="1" applyBorder="1" applyAlignment="1" applyProtection="1">
      <alignment horizontal="left" vertical="center" wrapText="1"/>
      <protection locked="0"/>
    </xf>
    <xf numFmtId="0" fontId="7" fillId="2" borderId="8" xfId="0"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Alignment="1" applyProtection="1">
      <alignment vertical="top" wrapText="1"/>
      <protection locked="0"/>
    </xf>
    <xf numFmtId="16" fontId="5" fillId="0" borderId="0" xfId="0" applyNumberFormat="1" applyFont="1" applyAlignment="1" applyProtection="1">
      <alignment wrapText="1"/>
      <protection locked="0"/>
    </xf>
    <xf numFmtId="16" fontId="9" fillId="0" borderId="0" xfId="0" applyNumberFormat="1" applyFont="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Border="1" applyAlignment="1" applyProtection="1">
      <alignment vertical="center" wrapText="1"/>
      <protection locked="0"/>
    </xf>
    <xf numFmtId="0" fontId="2" fillId="0" borderId="8" xfId="0" applyFont="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0" xfId="0" applyFont="1" applyAlignment="1" applyProtection="1">
      <alignment vertical="center"/>
      <protection locked="0"/>
    </xf>
    <xf numFmtId="49" fontId="2" fillId="0" borderId="0" xfId="0" applyNumberFormat="1" applyFont="1" applyAlignment="1" applyProtection="1">
      <alignment horizontal="center" vertical="center"/>
      <protection locked="0"/>
    </xf>
    <xf numFmtId="49" fontId="5" fillId="0" borderId="0" xfId="1" applyNumberFormat="1" applyFont="1" applyAlignment="1" applyProtection="1">
      <alignment horizontal="left" vertical="top" wrapText="1"/>
      <protection locked="0"/>
    </xf>
    <xf numFmtId="49" fontId="5" fillId="0" borderId="0" xfId="1" applyNumberFormat="1" applyFont="1" applyAlignment="1" applyProtection="1">
      <alignment horizontal="center" vertical="top" wrapText="1"/>
      <protection locked="0"/>
    </xf>
    <xf numFmtId="49" fontId="5" fillId="0" borderId="0" xfId="1" applyNumberFormat="1" applyFont="1" applyAlignment="1" applyProtection="1">
      <alignment horizontal="left" vertical="center" wrapText="1"/>
      <protection locked="0"/>
    </xf>
    <xf numFmtId="0" fontId="7" fillId="0" borderId="16" xfId="0" applyFont="1" applyBorder="1" applyAlignment="1" applyProtection="1">
      <alignment horizontal="center" vertical="center" wrapText="1"/>
      <protection locked="0"/>
    </xf>
    <xf numFmtId="0" fontId="7" fillId="0" borderId="13" xfId="0"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Font="1" applyAlignment="1" applyProtection="1">
      <alignment wrapText="1"/>
      <protection locked="0"/>
    </xf>
    <xf numFmtId="0" fontId="7" fillId="0" borderId="0" xfId="0" applyFont="1" applyAlignment="1" applyProtection="1">
      <alignment horizontal="right"/>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Border="1" applyAlignment="1">
      <alignment horizontal="center" vertical="center" wrapText="1"/>
    </xf>
    <xf numFmtId="49" fontId="2" fillId="6" borderId="9" xfId="0" applyNumberFormat="1" applyFont="1" applyFill="1" applyBorder="1" applyAlignment="1">
      <alignment horizontal="center" vertical="center" wrapText="1"/>
    </xf>
    <xf numFmtId="0" fontId="2" fillId="6" borderId="16" xfId="0" applyFont="1" applyFill="1" applyBorder="1" applyAlignment="1">
      <alignment horizontal="left" vertical="center" wrapText="1"/>
    </xf>
    <xf numFmtId="0" fontId="2" fillId="0" borderId="13" xfId="0" applyFont="1" applyBorder="1" applyAlignment="1" applyProtection="1">
      <alignment horizontal="center" vertical="center" wrapText="1"/>
      <protection locked="0"/>
    </xf>
    <xf numFmtId="0" fontId="2" fillId="0" borderId="16" xfId="0"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Font="1" applyBorder="1" applyAlignment="1" applyProtection="1">
      <alignment horizontal="center" vertical="center" wrapText="1"/>
      <protection locked="0"/>
    </xf>
    <xf numFmtId="49" fontId="2" fillId="0" borderId="6" xfId="0" applyNumberFormat="1" applyFont="1" applyBorder="1" applyAlignment="1">
      <alignment horizontal="center" vertical="center" wrapText="1"/>
    </xf>
    <xf numFmtId="49" fontId="2" fillId="6" borderId="6" xfId="0" applyNumberFormat="1" applyFont="1" applyFill="1" applyBorder="1" applyAlignment="1">
      <alignment horizontal="center" vertical="center" wrapText="1"/>
    </xf>
    <xf numFmtId="0" fontId="2" fillId="6" borderId="13" xfId="0" applyFont="1" applyFill="1" applyBorder="1" applyAlignment="1">
      <alignment horizontal="left" vertical="top" wrapText="1"/>
    </xf>
    <xf numFmtId="49" fontId="3" fillId="0" borderId="0" xfId="0" applyNumberFormat="1" applyFont="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4" fillId="0" borderId="8" xfId="0" applyFont="1" applyBorder="1" applyAlignment="1">
      <alignment horizontal="left" vertical="center" wrapText="1"/>
    </xf>
    <xf numFmtId="0" fontId="2" fillId="0" borderId="6" xfId="0" applyFont="1" applyBorder="1" applyAlignment="1">
      <alignment horizontal="center" vertical="center"/>
    </xf>
    <xf numFmtId="49" fontId="2" fillId="0" borderId="6" xfId="0" applyNumberFormat="1" applyFont="1" applyBorder="1" applyAlignment="1">
      <alignment horizontal="center" vertical="center"/>
    </xf>
    <xf numFmtId="0" fontId="4" fillId="0" borderId="8" xfId="0" applyFont="1" applyBorder="1" applyAlignment="1">
      <alignment vertical="center" wrapText="1"/>
    </xf>
    <xf numFmtId="0" fontId="4" fillId="6" borderId="8" xfId="0" applyFont="1" applyFill="1" applyBorder="1" applyAlignment="1">
      <alignment vertical="center" wrapText="1"/>
    </xf>
    <xf numFmtId="0" fontId="4" fillId="0" borderId="16" xfId="0" applyFont="1" applyBorder="1" applyAlignment="1">
      <alignment vertical="center" wrapText="1"/>
    </xf>
    <xf numFmtId="0" fontId="2" fillId="0" borderId="9" xfId="0" applyFont="1" applyBorder="1" applyAlignment="1">
      <alignment horizontal="center" vertical="center"/>
    </xf>
    <xf numFmtId="0" fontId="4" fillId="0" borderId="13" xfId="0" applyFont="1" applyBorder="1" applyAlignment="1">
      <alignment horizontal="left" vertical="center" wrapText="1"/>
    </xf>
    <xf numFmtId="3" fontId="4" fillId="6" borderId="8" xfId="0" applyNumberFormat="1" applyFont="1" applyFill="1" applyBorder="1" applyAlignment="1" applyProtection="1">
      <alignment horizontal="center" vertical="center" wrapText="1"/>
      <protection locked="0"/>
    </xf>
    <xf numFmtId="49" fontId="2" fillId="0" borderId="25" xfId="0" applyNumberFormat="1" applyFont="1" applyBorder="1" applyAlignment="1">
      <alignment horizontal="right" vertical="center" wrapText="1"/>
    </xf>
    <xf numFmtId="0" fontId="4" fillId="6" borderId="27" xfId="0" applyFont="1" applyFill="1" applyBorder="1" applyAlignment="1">
      <alignment vertical="center" wrapText="1"/>
    </xf>
    <xf numFmtId="49" fontId="2" fillId="0" borderId="28" xfId="0" applyNumberFormat="1" applyFont="1" applyBorder="1" applyAlignment="1">
      <alignment horizontal="right" vertical="center" wrapText="1"/>
    </xf>
    <xf numFmtId="0" fontId="4" fillId="0" borderId="30" xfId="0" applyFont="1" applyBorder="1" applyAlignment="1">
      <alignment vertical="center" wrapText="1"/>
    </xf>
    <xf numFmtId="0" fontId="4" fillId="0" borderId="29" xfId="0" applyFont="1" applyBorder="1" applyAlignment="1">
      <alignment vertical="center" wrapText="1"/>
    </xf>
    <xf numFmtId="49" fontId="2" fillId="0" borderId="32" xfId="0" applyNumberFormat="1" applyFont="1" applyBorder="1" applyAlignment="1">
      <alignment horizontal="right" vertical="center" wrapText="1"/>
    </xf>
    <xf numFmtId="49" fontId="2" fillId="0" borderId="31" xfId="0" applyNumberFormat="1" applyFont="1" applyBorder="1" applyAlignment="1">
      <alignment horizontal="right" vertical="center" wrapText="1"/>
    </xf>
    <xf numFmtId="0" fontId="2" fillId="6" borderId="8" xfId="0" applyFont="1" applyFill="1" applyBorder="1" applyAlignment="1">
      <alignment horizontal="left" vertical="center" wrapText="1"/>
    </xf>
    <xf numFmtId="0" fontId="2" fillId="0" borderId="8" xfId="0" applyFont="1" applyBorder="1" applyAlignment="1" applyProtection="1">
      <alignment horizontal="left" vertical="center" wrapText="1"/>
      <protection locked="0"/>
    </xf>
    <xf numFmtId="0" fontId="2" fillId="0" borderId="7" xfId="0" applyFont="1" applyBorder="1" applyAlignment="1" applyProtection="1">
      <alignment horizontal="left" vertical="center" wrapText="1"/>
      <protection locked="0"/>
    </xf>
    <xf numFmtId="0" fontId="2" fillId="0" borderId="16" xfId="0" applyFont="1" applyBorder="1" applyAlignment="1" applyProtection="1">
      <alignment horizontal="left" vertical="center" wrapText="1"/>
      <protection locked="0"/>
    </xf>
    <xf numFmtId="0" fontId="2" fillId="0" borderId="17" xfId="0"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4" fillId="0" borderId="0" xfId="0" applyNumberFormat="1" applyFont="1" applyAlignment="1" applyProtection="1">
      <alignment horizontal="left" vertical="top" wrapText="1"/>
      <protection locked="0"/>
    </xf>
    <xf numFmtId="49" fontId="3" fillId="0" borderId="0" xfId="0" applyNumberFormat="1" applyFont="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4" fillId="0" borderId="3" xfId="0" applyFont="1" applyBorder="1" applyAlignment="1" applyProtection="1">
      <alignment horizontal="left" vertical="center" wrapText="1"/>
      <protection locked="0"/>
    </xf>
    <xf numFmtId="0" fontId="4" fillId="0" borderId="4" xfId="0" applyFont="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3" fillId="0" borderId="0" xfId="0" applyFont="1" applyAlignment="1" applyProtection="1">
      <alignment horizontal="left" vertical="center" wrapText="1"/>
      <protection locked="0"/>
    </xf>
    <xf numFmtId="0" fontId="8" fillId="0" borderId="0" xfId="0" applyFont="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2" fillId="0" borderId="0" xfId="0" applyFont="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Alignment="1" applyProtection="1">
      <alignment horizontal="left" vertical="top" wrapText="1"/>
      <protection locked="0"/>
    </xf>
    <xf numFmtId="16" fontId="5" fillId="0" borderId="0" xfId="0" applyNumberFormat="1" applyFont="1" applyAlignment="1" applyProtection="1">
      <alignment horizontal="left" vertical="top"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Font="1" applyAlignment="1" applyProtection="1">
      <alignment horizontal="left" vertical="center" wrapText="1"/>
      <protection locked="0"/>
    </xf>
    <xf numFmtId="0" fontId="7" fillId="0" borderId="0" xfId="0" applyFont="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3" xfId="0" applyFont="1" applyBorder="1" applyAlignment="1" applyProtection="1">
      <alignment horizontal="left" vertical="center" wrapText="1"/>
      <protection locked="0"/>
    </xf>
    <xf numFmtId="0" fontId="2" fillId="0" borderId="14" xfId="0" applyFont="1" applyBorder="1" applyAlignment="1" applyProtection="1">
      <alignment horizontal="left" vertical="center" wrapText="1"/>
      <protection locked="0"/>
    </xf>
    <xf numFmtId="0" fontId="2" fillId="0" borderId="27" xfId="0" applyFont="1" applyBorder="1" applyAlignment="1" applyProtection="1">
      <alignment horizontal="left" vertical="center" wrapText="1"/>
      <protection locked="0"/>
    </xf>
    <xf numFmtId="0" fontId="2" fillId="0" borderId="34" xfId="0" applyFont="1" applyBorder="1" applyAlignment="1" applyProtection="1">
      <alignment horizontal="left" vertical="center" wrapText="1"/>
      <protection locked="0"/>
    </xf>
    <xf numFmtId="0" fontId="2" fillId="0" borderId="29" xfId="0" applyFont="1" applyBorder="1" applyAlignment="1" applyProtection="1">
      <alignment horizontal="left" vertical="center" wrapText="1"/>
      <protection locked="0"/>
    </xf>
    <xf numFmtId="0" fontId="2" fillId="0" borderId="35" xfId="0" applyFont="1" applyBorder="1" applyAlignment="1" applyProtection="1">
      <alignment horizontal="left" vertical="center" wrapText="1"/>
      <protection locked="0"/>
    </xf>
    <xf numFmtId="0" fontId="2" fillId="0" borderId="36" xfId="0" applyFont="1" applyBorder="1" applyAlignment="1" applyProtection="1">
      <alignment horizontal="left" vertical="center" wrapText="1"/>
      <protection locked="0"/>
    </xf>
    <xf numFmtId="0" fontId="2" fillId="0" borderId="37" xfId="0" applyFont="1" applyBorder="1" applyAlignment="1" applyProtection="1">
      <alignment horizontal="left" vertical="center" wrapText="1"/>
      <protection locked="0"/>
    </xf>
    <xf numFmtId="0" fontId="2" fillId="0" borderId="26" xfId="0" applyFont="1" applyBorder="1" applyAlignment="1" applyProtection="1">
      <alignment horizontal="left" vertical="center" wrapText="1"/>
      <protection locked="0"/>
    </xf>
    <xf numFmtId="0" fontId="2" fillId="0" borderId="33" xfId="0" applyFont="1" applyBorder="1" applyAlignment="1" applyProtection="1">
      <alignment horizontal="left" vertical="center" wrapText="1"/>
      <protection locked="0"/>
    </xf>
  </cellXfs>
  <cellStyles count="7">
    <cellStyle name="Normálna" xfId="0" builtinId="0"/>
    <cellStyle name="Normálna 2" xfId="2" xr:uid="{00000000-0005-0000-0000-000001000000}"/>
    <cellStyle name="Normálna 2 2" xfId="6" xr:uid="{00000000-0005-0000-0000-000002000000}"/>
    <cellStyle name="Normálne 2" xfId="3" xr:uid="{00000000-0005-0000-0000-000003000000}"/>
    <cellStyle name="normálne 2 2" xfId="1" xr:uid="{00000000-0005-0000-0000-000004000000}"/>
    <cellStyle name="normálne 2 2 2" xfId="4" xr:uid="{00000000-0005-0000-0000-000005000000}"/>
    <cellStyle name="Normálne 4" xfId="5" xr:uid="{00000000-0005-0000-0000-000006000000}"/>
  </cellStyles>
  <dxfs count="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O119"/>
  <sheetViews>
    <sheetView showGridLines="0" tabSelected="1" topLeftCell="A5" zoomScale="80" zoomScaleNormal="80" workbookViewId="0">
      <selection activeCell="C29" sqref="C29:D29"/>
    </sheetView>
  </sheetViews>
  <sheetFormatPr defaultRowHeight="12.75" x14ac:dyDescent="0.2"/>
  <cols>
    <col min="1" max="1" width="5.5703125" style="10" customWidth="1"/>
    <col min="2" max="2" width="13.5703125" style="10" customWidth="1"/>
    <col min="3" max="3" width="70.42578125" style="10" customWidth="1"/>
    <col min="4" max="4" width="16.42578125" style="24" customWidth="1"/>
    <col min="5" max="5" width="13.7109375" style="24" customWidth="1"/>
    <col min="6" max="6" width="19.7109375" style="14" customWidth="1"/>
    <col min="7" max="7" width="17.140625" style="10" customWidth="1"/>
    <col min="8" max="8" width="9.140625" style="10"/>
    <col min="9" max="9" width="9.140625" style="10" customWidth="1"/>
    <col min="10" max="16384" width="9.140625" style="10"/>
  </cols>
  <sheetData>
    <row r="1" spans="2:6" ht="24" customHeight="1" x14ac:dyDescent="0.2">
      <c r="B1" s="115" t="s">
        <v>43</v>
      </c>
      <c r="C1" s="115"/>
      <c r="D1" s="115"/>
      <c r="E1" s="115"/>
      <c r="F1" s="115"/>
    </row>
    <row r="2" spans="2:6" ht="27.75" customHeight="1" x14ac:dyDescent="0.2">
      <c r="B2" s="114" t="s">
        <v>41</v>
      </c>
      <c r="C2" s="114"/>
      <c r="D2" s="114"/>
      <c r="E2" s="114"/>
      <c r="F2" s="114"/>
    </row>
    <row r="3" spans="2:6" ht="72" customHeight="1" x14ac:dyDescent="0.2">
      <c r="B3" s="116" t="s">
        <v>46</v>
      </c>
      <c r="C3" s="116"/>
      <c r="D3" s="116"/>
      <c r="E3" s="116"/>
      <c r="F3" s="116"/>
    </row>
    <row r="4" spans="2:6" ht="24.95" customHeight="1" x14ac:dyDescent="0.2">
      <c r="B4" s="11" t="s">
        <v>45</v>
      </c>
      <c r="C4" s="12"/>
      <c r="D4" s="30"/>
      <c r="E4" s="30"/>
      <c r="F4" s="30"/>
    </row>
    <row r="5" spans="2:6" ht="24.95" customHeight="1" x14ac:dyDescent="0.2">
      <c r="B5" s="11" t="s">
        <v>44</v>
      </c>
      <c r="C5" s="13"/>
      <c r="D5" s="30"/>
      <c r="E5" s="30"/>
      <c r="F5" s="30"/>
    </row>
    <row r="6" spans="2:6" ht="15.75" customHeight="1" x14ac:dyDescent="0.2">
      <c r="B6" s="30"/>
      <c r="C6" s="30"/>
      <c r="D6" s="30"/>
      <c r="E6" s="30"/>
      <c r="F6" s="30"/>
    </row>
    <row r="7" spans="2:6" s="14" customFormat="1" ht="20.100000000000001" customHeight="1" x14ac:dyDescent="0.25">
      <c r="B7" s="85" t="s">
        <v>5</v>
      </c>
      <c r="C7" s="85"/>
      <c r="D7" s="85"/>
      <c r="E7" s="85"/>
      <c r="F7" s="85"/>
    </row>
    <row r="8" spans="2:6" s="14" customFormat="1" ht="20.100000000000001" customHeight="1" x14ac:dyDescent="0.25">
      <c r="B8" s="118" t="s">
        <v>9</v>
      </c>
      <c r="C8" s="118"/>
      <c r="D8" s="118"/>
      <c r="E8" s="118"/>
      <c r="F8" s="118"/>
    </row>
    <row r="9" spans="2:6" ht="28.5" customHeight="1" x14ac:dyDescent="0.2">
      <c r="B9" s="95" t="s">
        <v>66</v>
      </c>
      <c r="C9" s="95"/>
      <c r="D9" s="95"/>
      <c r="E9" s="95"/>
      <c r="F9" s="95"/>
    </row>
    <row r="10" spans="2:6" ht="4.5" customHeight="1" x14ac:dyDescent="0.2">
      <c r="B10" s="15"/>
      <c r="C10" s="15"/>
      <c r="D10" s="15"/>
      <c r="E10" s="15"/>
      <c r="F10" s="15"/>
    </row>
    <row r="11" spans="2:6" s="14" customFormat="1" ht="20.100000000000001" customHeight="1" x14ac:dyDescent="0.25">
      <c r="B11" s="119" t="s">
        <v>10</v>
      </c>
      <c r="C11" s="119"/>
      <c r="D11" s="119"/>
      <c r="E11" s="119"/>
      <c r="F11" s="119"/>
    </row>
    <row r="12" spans="2:6" s="17" customFormat="1" ht="20.100000000000001" customHeight="1" x14ac:dyDescent="0.25">
      <c r="B12" s="117" t="s">
        <v>124</v>
      </c>
      <c r="C12" s="117"/>
      <c r="D12" s="117"/>
      <c r="E12" s="16"/>
      <c r="F12" s="16"/>
    </row>
    <row r="13" spans="2:6" s="17" customFormat="1" ht="20.100000000000001" customHeight="1" x14ac:dyDescent="0.25">
      <c r="B13" s="117" t="s">
        <v>65</v>
      </c>
      <c r="C13" s="117"/>
      <c r="D13" s="117"/>
      <c r="E13" s="16"/>
      <c r="F13" s="16"/>
    </row>
    <row r="14" spans="2:6" s="17" customFormat="1" ht="20.100000000000001" customHeight="1" x14ac:dyDescent="0.25">
      <c r="B14" s="117" t="s">
        <v>59</v>
      </c>
      <c r="C14" s="117"/>
      <c r="D14" s="117"/>
      <c r="E14" s="16"/>
      <c r="F14" s="16"/>
    </row>
    <row r="15" spans="2:6" ht="4.5" customHeight="1" x14ac:dyDescent="0.2">
      <c r="B15" s="15"/>
      <c r="C15" s="15"/>
      <c r="D15" s="15"/>
      <c r="E15" s="15"/>
      <c r="F15" s="15"/>
    </row>
    <row r="16" spans="2:6" ht="20.100000000000001" customHeight="1" x14ac:dyDescent="0.2">
      <c r="B16" s="18" t="s">
        <v>11</v>
      </c>
      <c r="C16" s="19"/>
      <c r="D16" s="19"/>
      <c r="E16" s="20"/>
      <c r="F16" s="20"/>
    </row>
    <row r="17" spans="2:6" s="23" customFormat="1" ht="24.95" customHeight="1" x14ac:dyDescent="0.25">
      <c r="B17" s="95" t="s">
        <v>53</v>
      </c>
      <c r="C17" s="95"/>
      <c r="D17" s="95"/>
      <c r="E17" s="21"/>
      <c r="F17" s="22"/>
    </row>
    <row r="18" spans="2:6" ht="5.0999999999999996" customHeight="1" x14ac:dyDescent="0.2">
      <c r="B18" s="96"/>
      <c r="C18" s="96"/>
      <c r="D18" s="96"/>
      <c r="F18" s="25"/>
    </row>
    <row r="19" spans="2:6" s="14" customFormat="1" ht="20.100000000000001" customHeight="1" x14ac:dyDescent="0.25">
      <c r="B19" s="85" t="s">
        <v>23</v>
      </c>
      <c r="C19" s="85"/>
      <c r="D19" s="85"/>
      <c r="E19" s="85"/>
      <c r="F19" s="85"/>
    </row>
    <row r="20" spans="2:6" ht="33" customHeight="1" x14ac:dyDescent="0.2">
      <c r="B20" s="99" t="s">
        <v>67</v>
      </c>
      <c r="C20" s="99"/>
      <c r="D20" s="99"/>
      <c r="E20" s="99"/>
      <c r="F20" s="99"/>
    </row>
    <row r="21" spans="2:6" ht="5.0999999999999996" customHeight="1" x14ac:dyDescent="0.2">
      <c r="B21" s="96"/>
      <c r="C21" s="96"/>
      <c r="D21" s="96"/>
      <c r="F21" s="25"/>
    </row>
    <row r="22" spans="2:6" s="14" customFormat="1" ht="20.100000000000001" customHeight="1" x14ac:dyDescent="0.25">
      <c r="B22" s="85" t="s">
        <v>24</v>
      </c>
      <c r="C22" s="85"/>
      <c r="D22" s="85"/>
      <c r="E22" s="85"/>
      <c r="F22" s="85"/>
    </row>
    <row r="23" spans="2:6" s="14" customFormat="1" ht="20.100000000000001" customHeight="1" x14ac:dyDescent="0.25">
      <c r="B23" s="100" t="s">
        <v>6</v>
      </c>
      <c r="C23" s="100"/>
      <c r="D23" s="100"/>
      <c r="E23" s="100"/>
      <c r="F23" s="100"/>
    </row>
    <row r="24" spans="2:6" s="14" customFormat="1" ht="20.100000000000001" customHeight="1" x14ac:dyDescent="0.25">
      <c r="B24" s="112" t="s">
        <v>17</v>
      </c>
      <c r="C24" s="113"/>
      <c r="D24" s="62"/>
      <c r="E24" s="62"/>
      <c r="F24" s="62"/>
    </row>
    <row r="25" spans="2:6" s="14" customFormat="1" ht="20.100000000000001" customHeight="1" x14ac:dyDescent="0.25">
      <c r="B25" s="25"/>
      <c r="C25" s="25" t="s">
        <v>21</v>
      </c>
      <c r="D25" s="62"/>
      <c r="E25" s="62"/>
      <c r="F25" s="62"/>
    </row>
    <row r="26" spans="2:6" s="14" customFormat="1" ht="20.100000000000001" customHeight="1" x14ac:dyDescent="0.25">
      <c r="B26" s="25"/>
      <c r="C26" s="25" t="s">
        <v>22</v>
      </c>
      <c r="D26" s="62"/>
      <c r="E26" s="62"/>
      <c r="F26" s="62"/>
    </row>
    <row r="27" spans="2:6" s="14" customFormat="1" ht="20.100000000000001" customHeight="1" x14ac:dyDescent="0.25">
      <c r="B27" s="112" t="s">
        <v>18</v>
      </c>
      <c r="C27" s="113"/>
      <c r="D27" s="62"/>
      <c r="E27" s="62"/>
      <c r="F27" s="62"/>
    </row>
    <row r="28" spans="2:6" s="14" customFormat="1" ht="53.25" customHeight="1" x14ac:dyDescent="0.25">
      <c r="B28" s="26" t="s">
        <v>19</v>
      </c>
      <c r="C28" s="101" t="s">
        <v>13</v>
      </c>
      <c r="D28" s="102"/>
      <c r="E28" s="27" t="s">
        <v>12</v>
      </c>
      <c r="F28" s="27" t="s">
        <v>64</v>
      </c>
    </row>
    <row r="29" spans="2:6" s="14" customFormat="1" ht="24.95" customHeight="1" x14ac:dyDescent="0.25">
      <c r="B29" s="28" t="s">
        <v>2</v>
      </c>
      <c r="C29" s="105" t="s">
        <v>68</v>
      </c>
      <c r="D29" s="106"/>
      <c r="E29" s="29" t="s">
        <v>1</v>
      </c>
      <c r="F29" s="72">
        <v>72</v>
      </c>
    </row>
    <row r="30" spans="2:6" s="14" customFormat="1" ht="4.5" customHeight="1" x14ac:dyDescent="0.25">
      <c r="B30" s="62"/>
      <c r="C30" s="62"/>
      <c r="D30" s="62"/>
      <c r="E30" s="62"/>
      <c r="F30" s="62"/>
    </row>
    <row r="31" spans="2:6" s="14" customFormat="1" ht="20.100000000000001" customHeight="1" x14ac:dyDescent="0.25">
      <c r="B31" s="112" t="s">
        <v>20</v>
      </c>
      <c r="C31" s="113"/>
      <c r="D31" s="62"/>
      <c r="E31" s="62"/>
      <c r="F31" s="62"/>
    </row>
    <row r="32" spans="2:6" s="14" customFormat="1" ht="20.100000000000001" customHeight="1" x14ac:dyDescent="0.2">
      <c r="B32" s="10"/>
      <c r="C32" s="14" t="s">
        <v>3</v>
      </c>
      <c r="D32" s="62"/>
      <c r="E32" s="62"/>
      <c r="F32" s="62"/>
    </row>
    <row r="33" spans="2:7" s="14" customFormat="1" ht="20.100000000000001" customHeight="1" x14ac:dyDescent="0.25">
      <c r="B33" s="25"/>
      <c r="C33" s="14" t="s">
        <v>4</v>
      </c>
      <c r="D33" s="62"/>
      <c r="E33" s="62"/>
      <c r="F33" s="62"/>
    </row>
    <row r="34" spans="2:7" ht="5.0999999999999996" customHeight="1" x14ac:dyDescent="0.2"/>
    <row r="35" spans="2:7" s="14" customFormat="1" ht="20.100000000000001" customHeight="1" x14ac:dyDescent="0.25">
      <c r="B35" s="85" t="s">
        <v>25</v>
      </c>
      <c r="C35" s="85"/>
      <c r="D35" s="85"/>
      <c r="E35" s="85"/>
      <c r="F35" s="85"/>
    </row>
    <row r="36" spans="2:7" s="14" customFormat="1" ht="5.0999999999999996" customHeight="1" thickBot="1" x14ac:dyDescent="0.3">
      <c r="B36" s="25"/>
      <c r="D36" s="30"/>
      <c r="E36" s="30"/>
      <c r="F36" s="30"/>
    </row>
    <row r="37" spans="2:7" s="23" customFormat="1" ht="93" customHeight="1" x14ac:dyDescent="0.25">
      <c r="B37" s="86" t="s">
        <v>0</v>
      </c>
      <c r="C37" s="87"/>
      <c r="D37" s="90" t="s">
        <v>54</v>
      </c>
      <c r="E37" s="91"/>
      <c r="F37" s="92"/>
      <c r="G37" s="31"/>
    </row>
    <row r="38" spans="2:7" s="23" customFormat="1" ht="30" customHeight="1" thickBot="1" x14ac:dyDescent="0.3">
      <c r="B38" s="88"/>
      <c r="C38" s="89"/>
      <c r="D38" s="56" t="s">
        <v>26</v>
      </c>
      <c r="E38" s="110" t="s">
        <v>27</v>
      </c>
      <c r="F38" s="111"/>
    </row>
    <row r="39" spans="2:7" s="32" customFormat="1" ht="30.75" customHeight="1" x14ac:dyDescent="0.25">
      <c r="B39" s="107" t="s">
        <v>69</v>
      </c>
      <c r="C39" s="108"/>
      <c r="D39" s="108"/>
      <c r="E39" s="108"/>
      <c r="F39" s="109"/>
    </row>
    <row r="40" spans="2:7" s="33" customFormat="1" ht="48" customHeight="1" x14ac:dyDescent="0.25">
      <c r="B40" s="65">
        <v>1</v>
      </c>
      <c r="C40" s="64" t="s">
        <v>70</v>
      </c>
      <c r="D40" s="29"/>
      <c r="E40" s="97"/>
      <c r="F40" s="98"/>
    </row>
    <row r="41" spans="2:7" s="33" customFormat="1" ht="35.25" customHeight="1" x14ac:dyDescent="0.25">
      <c r="B41" s="66">
        <v>2</v>
      </c>
      <c r="C41" s="64" t="s">
        <v>72</v>
      </c>
      <c r="D41" s="29"/>
      <c r="E41" s="97"/>
      <c r="F41" s="98"/>
    </row>
    <row r="42" spans="2:7" s="33" customFormat="1" ht="42" customHeight="1" x14ac:dyDescent="0.25">
      <c r="B42" s="66" t="s">
        <v>51</v>
      </c>
      <c r="C42" s="64" t="s">
        <v>73</v>
      </c>
      <c r="D42" s="29"/>
      <c r="E42" s="97"/>
      <c r="F42" s="98"/>
    </row>
    <row r="43" spans="2:7" s="33" customFormat="1" ht="37.5" customHeight="1" x14ac:dyDescent="0.25">
      <c r="B43" s="65">
        <v>4</v>
      </c>
      <c r="C43" s="64" t="s">
        <v>71</v>
      </c>
      <c r="D43" s="29"/>
      <c r="E43" s="97"/>
      <c r="F43" s="98"/>
    </row>
    <row r="44" spans="2:7" s="33" customFormat="1" ht="29.25" customHeight="1" x14ac:dyDescent="0.25">
      <c r="B44" s="65">
        <v>5</v>
      </c>
      <c r="C44" s="64" t="s">
        <v>74</v>
      </c>
      <c r="D44" s="29"/>
      <c r="E44" s="97"/>
      <c r="F44" s="98"/>
    </row>
    <row r="45" spans="2:7" s="33" customFormat="1" ht="34.5" customHeight="1" x14ac:dyDescent="0.25">
      <c r="B45" s="65">
        <v>6</v>
      </c>
      <c r="C45" s="64" t="s">
        <v>75</v>
      </c>
      <c r="D45" s="29"/>
      <c r="E45" s="97"/>
      <c r="F45" s="98"/>
    </row>
    <row r="46" spans="2:7" s="33" customFormat="1" ht="30" customHeight="1" x14ac:dyDescent="0.25">
      <c r="B46" s="65">
        <v>7</v>
      </c>
      <c r="C46" s="64" t="s">
        <v>117</v>
      </c>
      <c r="D46" s="29"/>
      <c r="E46" s="97"/>
      <c r="F46" s="98"/>
    </row>
    <row r="47" spans="2:7" s="33" customFormat="1" ht="36.75" customHeight="1" thickBot="1" x14ac:dyDescent="0.3">
      <c r="B47" s="70">
        <v>8</v>
      </c>
      <c r="C47" s="71" t="s">
        <v>76</v>
      </c>
      <c r="D47" s="54"/>
      <c r="E47" s="103"/>
      <c r="F47" s="104"/>
    </row>
    <row r="48" spans="2:7" s="23" customFormat="1" ht="17.25" customHeight="1" x14ac:dyDescent="0.25">
      <c r="B48" s="34"/>
      <c r="C48" s="35"/>
      <c r="D48" s="36"/>
      <c r="E48" s="36"/>
      <c r="F48" s="37"/>
    </row>
    <row r="49" spans="2:6" s="14" customFormat="1" ht="20.100000000000001" customHeight="1" x14ac:dyDescent="0.25">
      <c r="B49" s="85" t="s">
        <v>42</v>
      </c>
      <c r="C49" s="85"/>
      <c r="D49" s="85"/>
      <c r="E49" s="85"/>
      <c r="F49" s="85"/>
    </row>
    <row r="50" spans="2:6" s="14" customFormat="1" ht="5.0999999999999996" customHeight="1" thickBot="1" x14ac:dyDescent="0.3">
      <c r="B50" s="25"/>
      <c r="D50" s="30"/>
      <c r="E50" s="30"/>
      <c r="F50" s="30"/>
    </row>
    <row r="51" spans="2:6" s="23" customFormat="1" ht="69" customHeight="1" x14ac:dyDescent="0.25">
      <c r="B51" s="86" t="s">
        <v>8</v>
      </c>
      <c r="C51" s="87"/>
      <c r="D51" s="90" t="s">
        <v>55</v>
      </c>
      <c r="E51" s="91"/>
      <c r="F51" s="92"/>
    </row>
    <row r="52" spans="2:6" s="23" customFormat="1" ht="30" customHeight="1" thickBot="1" x14ac:dyDescent="0.3">
      <c r="B52" s="88"/>
      <c r="C52" s="89"/>
      <c r="D52" s="56" t="s">
        <v>7</v>
      </c>
      <c r="E52" s="93" t="s">
        <v>28</v>
      </c>
      <c r="F52" s="94"/>
    </row>
    <row r="53" spans="2:6" s="14" customFormat="1" ht="63" customHeight="1" x14ac:dyDescent="0.25">
      <c r="B53" s="51" t="s">
        <v>15</v>
      </c>
      <c r="C53" s="69" t="s">
        <v>77</v>
      </c>
      <c r="D53" s="55"/>
      <c r="E53" s="83"/>
      <c r="F53" s="84"/>
    </row>
    <row r="54" spans="2:6" s="14" customFormat="1" ht="68.25" customHeight="1" x14ac:dyDescent="0.25">
      <c r="B54" s="59" t="s">
        <v>50</v>
      </c>
      <c r="C54" s="67" t="s">
        <v>78</v>
      </c>
      <c r="D54" s="29"/>
      <c r="E54" s="81"/>
      <c r="F54" s="82"/>
    </row>
    <row r="55" spans="2:6" s="14" customFormat="1" ht="39.75" customHeight="1" x14ac:dyDescent="0.25">
      <c r="B55" s="59" t="s">
        <v>51</v>
      </c>
      <c r="C55" s="67" t="s">
        <v>79</v>
      </c>
      <c r="D55" s="29"/>
      <c r="E55" s="81"/>
      <c r="F55" s="82"/>
    </row>
    <row r="56" spans="2:6" s="14" customFormat="1" ht="39.75" customHeight="1" x14ac:dyDescent="0.25">
      <c r="B56" s="73" t="s">
        <v>80</v>
      </c>
      <c r="C56" s="74" t="s">
        <v>81</v>
      </c>
      <c r="D56" s="29"/>
      <c r="E56" s="139"/>
      <c r="F56" s="140"/>
    </row>
    <row r="57" spans="2:6" s="14" customFormat="1" ht="39.75" customHeight="1" x14ac:dyDescent="0.25">
      <c r="B57" s="75" t="s">
        <v>82</v>
      </c>
      <c r="C57" s="77" t="s">
        <v>83</v>
      </c>
      <c r="D57" s="29"/>
      <c r="E57" s="141"/>
      <c r="F57" s="142"/>
    </row>
    <row r="58" spans="2:6" s="14" customFormat="1" ht="39.75" customHeight="1" x14ac:dyDescent="0.25">
      <c r="B58" s="78" t="s">
        <v>84</v>
      </c>
      <c r="C58" s="77" t="s">
        <v>85</v>
      </c>
      <c r="D58" s="29"/>
      <c r="E58" s="143"/>
      <c r="F58" s="144"/>
    </row>
    <row r="59" spans="2:6" s="14" customFormat="1" ht="51" customHeight="1" x14ac:dyDescent="0.25">
      <c r="B59" s="79" t="s">
        <v>86</v>
      </c>
      <c r="C59" s="76" t="s">
        <v>87</v>
      </c>
      <c r="D59" s="29"/>
      <c r="E59" s="145"/>
      <c r="F59" s="146"/>
    </row>
    <row r="60" spans="2:6" s="14" customFormat="1" ht="138.75" customHeight="1" x14ac:dyDescent="0.25">
      <c r="B60" s="59" t="s">
        <v>88</v>
      </c>
      <c r="C60" s="67" t="s">
        <v>89</v>
      </c>
      <c r="D60" s="29"/>
      <c r="E60" s="81"/>
      <c r="F60" s="82"/>
    </row>
    <row r="61" spans="2:6" s="14" customFormat="1" ht="261.75" customHeight="1" x14ac:dyDescent="0.25">
      <c r="B61" s="59" t="s">
        <v>52</v>
      </c>
      <c r="C61" s="68" t="s">
        <v>90</v>
      </c>
      <c r="D61" s="29"/>
      <c r="E61" s="81"/>
      <c r="F61" s="82"/>
    </row>
    <row r="62" spans="2:6" s="14" customFormat="1" ht="135" customHeight="1" x14ac:dyDescent="0.25">
      <c r="B62" s="59" t="s">
        <v>91</v>
      </c>
      <c r="C62" s="67" t="s">
        <v>92</v>
      </c>
      <c r="D62" s="29"/>
      <c r="E62" s="81"/>
      <c r="F62" s="82"/>
    </row>
    <row r="63" spans="2:6" s="14" customFormat="1" ht="123.75" customHeight="1" x14ac:dyDescent="0.25">
      <c r="B63" s="59" t="s">
        <v>93</v>
      </c>
      <c r="C63" s="67" t="s">
        <v>94</v>
      </c>
      <c r="D63" s="29"/>
      <c r="E63" s="81"/>
      <c r="F63" s="82"/>
    </row>
    <row r="64" spans="2:6" s="14" customFormat="1" ht="81.75" customHeight="1" x14ac:dyDescent="0.25">
      <c r="B64" s="59" t="s">
        <v>95</v>
      </c>
      <c r="C64" s="67" t="s">
        <v>96</v>
      </c>
      <c r="D64" s="29"/>
      <c r="E64" s="81"/>
      <c r="F64" s="82"/>
    </row>
    <row r="65" spans="2:7" s="14" customFormat="1" ht="119.25" customHeight="1" x14ac:dyDescent="0.25">
      <c r="B65" s="59" t="s">
        <v>97</v>
      </c>
      <c r="C65" s="68" t="s">
        <v>98</v>
      </c>
      <c r="D65" s="29"/>
      <c r="E65" s="81"/>
      <c r="F65" s="82"/>
    </row>
    <row r="66" spans="2:7" s="14" customFormat="1" ht="108" customHeight="1" x14ac:dyDescent="0.25">
      <c r="B66" s="59" t="s">
        <v>99</v>
      </c>
      <c r="C66" s="67" t="s">
        <v>100</v>
      </c>
      <c r="D66" s="29"/>
      <c r="E66" s="81"/>
      <c r="F66" s="82"/>
    </row>
    <row r="67" spans="2:7" s="14" customFormat="1" ht="116.25" customHeight="1" x14ac:dyDescent="0.25">
      <c r="B67" s="59" t="s">
        <v>101</v>
      </c>
      <c r="C67" s="67" t="s">
        <v>102</v>
      </c>
      <c r="D67" s="29"/>
      <c r="E67" s="81"/>
      <c r="F67" s="82"/>
    </row>
    <row r="68" spans="2:7" s="14" customFormat="1" ht="66.75" customHeight="1" x14ac:dyDescent="0.25">
      <c r="B68" s="59" t="s">
        <v>103</v>
      </c>
      <c r="C68" s="67" t="s">
        <v>104</v>
      </c>
      <c r="D68" s="29"/>
      <c r="E68" s="81"/>
      <c r="F68" s="82"/>
    </row>
    <row r="69" spans="2:7" s="14" customFormat="1" ht="80.25" customHeight="1" x14ac:dyDescent="0.25">
      <c r="B69" s="59" t="s">
        <v>105</v>
      </c>
      <c r="C69" s="67" t="s">
        <v>106</v>
      </c>
      <c r="D69" s="29"/>
      <c r="E69" s="81"/>
      <c r="F69" s="82"/>
    </row>
    <row r="70" spans="2:7" s="14" customFormat="1" ht="99" customHeight="1" x14ac:dyDescent="0.25">
      <c r="B70" s="59" t="s">
        <v>107</v>
      </c>
      <c r="C70" s="67" t="s">
        <v>108</v>
      </c>
      <c r="D70" s="29"/>
      <c r="E70" s="81"/>
      <c r="F70" s="82"/>
    </row>
    <row r="71" spans="2:7" s="14" customFormat="1" ht="112.5" customHeight="1" x14ac:dyDescent="0.25">
      <c r="B71" s="59" t="s">
        <v>109</v>
      </c>
      <c r="C71" s="67" t="s">
        <v>110</v>
      </c>
      <c r="D71" s="29"/>
      <c r="E71" s="81"/>
      <c r="F71" s="82"/>
    </row>
    <row r="72" spans="2:7" s="14" customFormat="1" ht="231" customHeight="1" x14ac:dyDescent="0.25">
      <c r="B72" s="59" t="s">
        <v>111</v>
      </c>
      <c r="C72" s="67" t="s">
        <v>112</v>
      </c>
      <c r="D72" s="29"/>
      <c r="E72" s="81"/>
      <c r="F72" s="82"/>
    </row>
    <row r="73" spans="2:7" s="14" customFormat="1" ht="247.5" customHeight="1" x14ac:dyDescent="0.25">
      <c r="B73" s="59" t="s">
        <v>113</v>
      </c>
      <c r="C73" s="67" t="s">
        <v>114</v>
      </c>
      <c r="D73" s="29"/>
      <c r="E73" s="81"/>
      <c r="F73" s="82"/>
    </row>
    <row r="74" spans="2:7" s="14" customFormat="1" ht="97.5" customHeight="1" x14ac:dyDescent="0.25">
      <c r="B74" s="59" t="s">
        <v>115</v>
      </c>
      <c r="C74" s="68" t="s">
        <v>116</v>
      </c>
      <c r="D74" s="29"/>
      <c r="E74" s="81"/>
      <c r="F74" s="82"/>
    </row>
    <row r="75" spans="2:7" s="23" customFormat="1" ht="18.75" customHeight="1" x14ac:dyDescent="0.25">
      <c r="B75" s="35"/>
      <c r="C75" s="35"/>
      <c r="D75" s="36"/>
      <c r="E75" s="36"/>
      <c r="F75" s="37"/>
      <c r="G75" s="14"/>
    </row>
    <row r="76" spans="2:7" s="14" customFormat="1" ht="18.75" customHeight="1" x14ac:dyDescent="0.25">
      <c r="B76" s="85" t="s">
        <v>47</v>
      </c>
      <c r="C76" s="85"/>
      <c r="D76" s="85"/>
      <c r="E76" s="85"/>
      <c r="F76" s="85"/>
    </row>
    <row r="77" spans="2:7" s="14" customFormat="1" ht="4.5" customHeight="1" thickBot="1" x14ac:dyDescent="0.3"/>
    <row r="78" spans="2:7" s="14" customFormat="1" ht="80.25" customHeight="1" x14ac:dyDescent="0.25">
      <c r="B78" s="121" t="s">
        <v>63</v>
      </c>
      <c r="C78" s="122"/>
      <c r="D78" s="125" t="s">
        <v>48</v>
      </c>
      <c r="E78" s="126"/>
      <c r="F78" s="127"/>
    </row>
    <row r="79" spans="2:7" s="23" customFormat="1" ht="37.5" customHeight="1" thickBot="1" x14ac:dyDescent="0.3">
      <c r="B79" s="123"/>
      <c r="C79" s="124"/>
      <c r="D79" s="57" t="s">
        <v>7</v>
      </c>
      <c r="E79" s="128" t="s">
        <v>28</v>
      </c>
      <c r="F79" s="129"/>
      <c r="G79" s="14"/>
    </row>
    <row r="80" spans="2:7" s="23" customFormat="1" ht="134.25" customHeight="1" x14ac:dyDescent="0.25">
      <c r="B80" s="51" t="s">
        <v>15</v>
      </c>
      <c r="C80" s="53" t="s">
        <v>121</v>
      </c>
      <c r="D80" s="38"/>
      <c r="E80" s="83"/>
      <c r="F80" s="84"/>
      <c r="G80" s="14"/>
    </row>
    <row r="81" spans="2:7" s="23" customFormat="1" ht="47.25" customHeight="1" x14ac:dyDescent="0.25">
      <c r="B81" s="59" t="s">
        <v>50</v>
      </c>
      <c r="C81" s="80" t="s">
        <v>122</v>
      </c>
      <c r="D81" s="58"/>
      <c r="E81" s="81"/>
      <c r="F81" s="82"/>
      <c r="G81" s="14"/>
    </row>
    <row r="82" spans="2:7" s="23" customFormat="1" ht="47.25" customHeight="1" x14ac:dyDescent="0.25">
      <c r="B82" s="59" t="s">
        <v>118</v>
      </c>
      <c r="C82" s="80" t="s">
        <v>76</v>
      </c>
      <c r="D82" s="58"/>
      <c r="E82" s="81"/>
      <c r="F82" s="82"/>
      <c r="G82" s="14"/>
    </row>
    <row r="83" spans="2:7" s="23" customFormat="1" ht="30" customHeight="1" x14ac:dyDescent="0.25">
      <c r="B83" s="60" t="s">
        <v>119</v>
      </c>
      <c r="C83" s="80" t="s">
        <v>49</v>
      </c>
      <c r="D83" s="58"/>
      <c r="E83" s="81"/>
      <c r="F83" s="82"/>
      <c r="G83" s="14"/>
    </row>
    <row r="84" spans="2:7" s="23" customFormat="1" ht="50.25" customHeight="1" thickBot="1" x14ac:dyDescent="0.3">
      <c r="B84" s="52" t="s">
        <v>120</v>
      </c>
      <c r="C84" s="61" t="s">
        <v>123</v>
      </c>
      <c r="D84" s="39"/>
      <c r="E84" s="137"/>
      <c r="F84" s="138"/>
      <c r="G84" s="14"/>
    </row>
    <row r="85" spans="2:7" s="14" customFormat="1" ht="15" customHeight="1" x14ac:dyDescent="0.25">
      <c r="B85" s="35"/>
      <c r="C85" s="35"/>
      <c r="D85" s="36"/>
      <c r="E85" s="36"/>
      <c r="F85" s="37"/>
    </row>
    <row r="86" spans="2:7" s="14" customFormat="1" ht="20.100000000000001" customHeight="1" x14ac:dyDescent="0.25">
      <c r="B86" s="85" t="s">
        <v>14</v>
      </c>
      <c r="C86" s="85"/>
      <c r="D86" s="85"/>
      <c r="E86" s="85"/>
      <c r="F86" s="85"/>
    </row>
    <row r="87" spans="2:7" s="23" customFormat="1" ht="24.75" customHeight="1" x14ac:dyDescent="0.25">
      <c r="B87" s="35" t="s">
        <v>16</v>
      </c>
      <c r="C87" s="134" t="s">
        <v>58</v>
      </c>
      <c r="D87" s="134"/>
      <c r="E87" s="134"/>
      <c r="F87" s="134"/>
      <c r="G87" s="14"/>
    </row>
    <row r="88" spans="2:7" s="23" customFormat="1" ht="23.25" customHeight="1" x14ac:dyDescent="0.25">
      <c r="B88" s="35" t="s">
        <v>61</v>
      </c>
      <c r="C88" s="134" t="s">
        <v>62</v>
      </c>
      <c r="D88" s="134"/>
      <c r="E88" s="134"/>
      <c r="F88" s="134"/>
      <c r="G88" s="14"/>
    </row>
    <row r="89" spans="2:7" s="40" customFormat="1" ht="30" customHeight="1" x14ac:dyDescent="0.25">
      <c r="B89" s="135" t="s">
        <v>29</v>
      </c>
      <c r="C89" s="135"/>
      <c r="D89" s="135"/>
      <c r="E89" s="135"/>
      <c r="F89" s="23"/>
      <c r="G89" s="14"/>
    </row>
    <row r="90" spans="2:7" s="14" customFormat="1" ht="24.95" customHeight="1" x14ac:dyDescent="0.25">
      <c r="B90" s="41" t="s">
        <v>30</v>
      </c>
      <c r="C90" s="132"/>
      <c r="D90" s="132"/>
      <c r="F90" s="40"/>
    </row>
    <row r="91" spans="2:7" s="14" customFormat="1" ht="24.95" customHeight="1" x14ac:dyDescent="0.25">
      <c r="B91" s="41" t="s">
        <v>31</v>
      </c>
      <c r="C91" s="132"/>
      <c r="D91" s="132"/>
      <c r="F91" s="40"/>
    </row>
    <row r="92" spans="2:7" s="14" customFormat="1" ht="24.95" customHeight="1" x14ac:dyDescent="0.25">
      <c r="B92" s="41" t="s">
        <v>32</v>
      </c>
      <c r="C92" s="132"/>
      <c r="D92" s="132"/>
      <c r="F92" s="40"/>
    </row>
    <row r="93" spans="2:7" s="23" customFormat="1" ht="24.95" customHeight="1" x14ac:dyDescent="0.25">
      <c r="B93" s="41" t="s">
        <v>33</v>
      </c>
      <c r="C93" s="132"/>
      <c r="D93" s="132"/>
      <c r="E93" s="14"/>
      <c r="F93" s="42"/>
      <c r="G93" s="14"/>
    </row>
    <row r="94" spans="2:7" s="14" customFormat="1" ht="14.25" customHeight="1" x14ac:dyDescent="0.2">
      <c r="B94" s="43"/>
      <c r="C94" s="1"/>
      <c r="D94" s="1"/>
      <c r="F94" s="44"/>
    </row>
    <row r="95" spans="2:7" s="23" customFormat="1" ht="15" customHeight="1" x14ac:dyDescent="0.25">
      <c r="B95" s="136" t="s">
        <v>34</v>
      </c>
      <c r="C95" s="136"/>
      <c r="D95" s="136"/>
      <c r="E95" s="136"/>
      <c r="F95" s="136"/>
    </row>
    <row r="96" spans="2:7" s="14" customFormat="1" ht="36.75" customHeight="1" x14ac:dyDescent="0.25">
      <c r="B96" s="133" t="s">
        <v>60</v>
      </c>
      <c r="C96" s="133"/>
      <c r="D96" s="133"/>
      <c r="E96" s="133"/>
      <c r="F96" s="133"/>
    </row>
    <row r="97" spans="1:15" s="14" customFormat="1" ht="20.100000000000001" customHeight="1" x14ac:dyDescent="0.2">
      <c r="B97" s="10"/>
      <c r="C97" s="10"/>
      <c r="D97" s="24"/>
      <c r="E97" s="24"/>
    </row>
    <row r="98" spans="1:15" s="23" customFormat="1" ht="4.5" customHeight="1" x14ac:dyDescent="0.2">
      <c r="B98" s="10"/>
      <c r="C98" s="10"/>
      <c r="D98" s="24"/>
      <c r="E98" s="24"/>
      <c r="F98" s="14"/>
    </row>
    <row r="99" spans="1:15" s="23" customFormat="1" ht="20.100000000000001" customHeight="1" x14ac:dyDescent="0.25">
      <c r="B99" s="45" t="s">
        <v>35</v>
      </c>
      <c r="C99" s="46"/>
      <c r="D99" s="47" t="s">
        <v>36</v>
      </c>
      <c r="E99" s="130"/>
      <c r="F99" s="130"/>
    </row>
    <row r="100" spans="1:15" s="23" customFormat="1" ht="20.100000000000001" customHeight="1" x14ac:dyDescent="0.25">
      <c r="B100" s="46"/>
      <c r="C100" s="46"/>
      <c r="D100" s="46"/>
      <c r="E100" s="48"/>
      <c r="F100" s="48"/>
    </row>
    <row r="101" spans="1:15" ht="20.100000000000001" customHeight="1" x14ac:dyDescent="0.2">
      <c r="B101" s="45" t="s">
        <v>37</v>
      </c>
      <c r="C101" s="46"/>
      <c r="D101" s="49" t="s">
        <v>38</v>
      </c>
      <c r="E101" s="131"/>
      <c r="F101" s="131"/>
    </row>
    <row r="102" spans="1:15" s="14" customFormat="1" ht="20.100000000000001" customHeight="1" x14ac:dyDescent="0.2">
      <c r="B102" s="10"/>
      <c r="C102" s="10"/>
      <c r="D102" s="49" t="s">
        <v>39</v>
      </c>
      <c r="E102" s="132"/>
      <c r="F102" s="132"/>
    </row>
    <row r="103" spans="1:15" s="14" customFormat="1" ht="20.100000000000001" customHeight="1" x14ac:dyDescent="0.2">
      <c r="B103" s="10"/>
      <c r="C103" s="10"/>
      <c r="D103" s="50" t="s">
        <v>40</v>
      </c>
      <c r="E103" s="10"/>
    </row>
    <row r="104" spans="1:15" s="1" customFormat="1" ht="12" x14ac:dyDescent="0.2">
      <c r="A104" s="120" t="s">
        <v>56</v>
      </c>
      <c r="B104" s="120"/>
      <c r="D104" s="63"/>
      <c r="E104" s="63"/>
      <c r="F104" s="2"/>
      <c r="G104" s="2"/>
      <c r="H104" s="2"/>
      <c r="I104" s="2"/>
      <c r="J104" s="2"/>
      <c r="K104" s="2"/>
      <c r="L104" s="2"/>
      <c r="M104" s="3"/>
      <c r="O104" s="3"/>
    </row>
    <row r="105" spans="1:15" s="8" customFormat="1" ht="15" x14ac:dyDescent="0.25">
      <c r="A105" s="4"/>
      <c r="B105" s="5" t="s">
        <v>57</v>
      </c>
      <c r="C105" s="6"/>
      <c r="D105" s="7"/>
      <c r="E105" s="7"/>
      <c r="M105" s="9"/>
      <c r="O105" s="9"/>
    </row>
    <row r="106" spans="1:15" s="14" customFormat="1" ht="24" customHeight="1" x14ac:dyDescent="0.25"/>
    <row r="107" spans="1:15" s="14" customFormat="1" ht="24" customHeight="1" x14ac:dyDescent="0.25"/>
    <row r="108" spans="1:15" s="14" customFormat="1" ht="24" customHeight="1" x14ac:dyDescent="0.25"/>
    <row r="109" spans="1:15" s="14" customFormat="1" ht="20.100000000000001" customHeight="1" x14ac:dyDescent="0.25"/>
    <row r="110" spans="1:15" s="14" customFormat="1" ht="20.100000000000001" customHeight="1" x14ac:dyDescent="0.25"/>
    <row r="111" spans="1:15" s="14" customFormat="1" ht="50.1" customHeight="1" x14ac:dyDescent="0.25"/>
    <row r="112" spans="1:15" s="14" customFormat="1" ht="43.5" customHeight="1" x14ac:dyDescent="0.25"/>
    <row r="113" spans="2:5" ht="24.75" customHeight="1" x14ac:dyDescent="0.2">
      <c r="B113" s="14"/>
      <c r="C113" s="14"/>
      <c r="D113" s="14"/>
      <c r="E113" s="14"/>
    </row>
    <row r="114" spans="2:5" x14ac:dyDescent="0.2">
      <c r="B114" s="14"/>
      <c r="C114" s="14"/>
      <c r="D114" s="14"/>
      <c r="E114" s="14"/>
    </row>
    <row r="115" spans="2:5" ht="20.100000000000001" customHeight="1" x14ac:dyDescent="0.2"/>
    <row r="116" spans="2:5" ht="4.5" customHeight="1" x14ac:dyDescent="0.2"/>
    <row r="117" spans="2:5" ht="20.100000000000001" customHeight="1" x14ac:dyDescent="0.2"/>
    <row r="118" spans="2:5" ht="20.100000000000001" customHeight="1" x14ac:dyDescent="0.2"/>
    <row r="119" spans="2:5" ht="20.100000000000001" customHeight="1" x14ac:dyDescent="0.2"/>
  </sheetData>
  <sheetProtection formatCells="0" formatColumns="0" formatRows="0" insertColumns="0" insertRows="0" insertHyperlinks="0" deleteColumns="0" deleteRows="0" selectLockedCells="1" sort="0" autoFilter="0" pivotTables="0"/>
  <mergeCells count="84">
    <mergeCell ref="E63:F63"/>
    <mergeCell ref="E64:F64"/>
    <mergeCell ref="E59:F59"/>
    <mergeCell ref="E72:F72"/>
    <mergeCell ref="E73:F73"/>
    <mergeCell ref="E74:F74"/>
    <mergeCell ref="E71:F71"/>
    <mergeCell ref="E54:F54"/>
    <mergeCell ref="E55:F55"/>
    <mergeCell ref="E56:F56"/>
    <mergeCell ref="E57:F57"/>
    <mergeCell ref="E58:F58"/>
    <mergeCell ref="E65:F65"/>
    <mergeCell ref="E66:F66"/>
    <mergeCell ref="E67:F67"/>
    <mergeCell ref="E68:F68"/>
    <mergeCell ref="E69:F69"/>
    <mergeCell ref="E70:F70"/>
    <mergeCell ref="E62:F62"/>
    <mergeCell ref="C88:F88"/>
    <mergeCell ref="C93:D93"/>
    <mergeCell ref="E83:F83"/>
    <mergeCell ref="E84:F84"/>
    <mergeCell ref="E80:F80"/>
    <mergeCell ref="E81:F81"/>
    <mergeCell ref="E82:F82"/>
    <mergeCell ref="A104:B104"/>
    <mergeCell ref="B76:F76"/>
    <mergeCell ref="B78:C79"/>
    <mergeCell ref="D78:F78"/>
    <mergeCell ref="E79:F79"/>
    <mergeCell ref="E99:F99"/>
    <mergeCell ref="E101:F101"/>
    <mergeCell ref="E102:F102"/>
    <mergeCell ref="B96:F96"/>
    <mergeCell ref="B86:F86"/>
    <mergeCell ref="C87:F87"/>
    <mergeCell ref="B89:E89"/>
    <mergeCell ref="B95:F95"/>
    <mergeCell ref="C90:D90"/>
    <mergeCell ref="C91:D91"/>
    <mergeCell ref="C92:D92"/>
    <mergeCell ref="B2:F2"/>
    <mergeCell ref="B1:F1"/>
    <mergeCell ref="B24:C24"/>
    <mergeCell ref="B27:C27"/>
    <mergeCell ref="E45:F45"/>
    <mergeCell ref="E44:F44"/>
    <mergeCell ref="B3:F3"/>
    <mergeCell ref="B13:D13"/>
    <mergeCell ref="B7:F7"/>
    <mergeCell ref="B8:F8"/>
    <mergeCell ref="B9:F9"/>
    <mergeCell ref="B11:F11"/>
    <mergeCell ref="B12:D12"/>
    <mergeCell ref="B22:F22"/>
    <mergeCell ref="B14:D14"/>
    <mergeCell ref="E47:F47"/>
    <mergeCell ref="C29:D29"/>
    <mergeCell ref="B39:F39"/>
    <mergeCell ref="E40:F40"/>
    <mergeCell ref="E41:F41"/>
    <mergeCell ref="E43:F43"/>
    <mergeCell ref="E42:F42"/>
    <mergeCell ref="B37:C38"/>
    <mergeCell ref="D37:F37"/>
    <mergeCell ref="E38:F38"/>
    <mergeCell ref="B31:C31"/>
    <mergeCell ref="B35:F35"/>
    <mergeCell ref="B17:D17"/>
    <mergeCell ref="B18:D18"/>
    <mergeCell ref="B19:F19"/>
    <mergeCell ref="E46:F46"/>
    <mergeCell ref="B20:F20"/>
    <mergeCell ref="B21:D21"/>
    <mergeCell ref="B23:F23"/>
    <mergeCell ref="C28:D28"/>
    <mergeCell ref="E60:F60"/>
    <mergeCell ref="E61:F61"/>
    <mergeCell ref="E53:F53"/>
    <mergeCell ref="B49:F49"/>
    <mergeCell ref="B51:C52"/>
    <mergeCell ref="D51:F51"/>
    <mergeCell ref="E52:F52"/>
  </mergeCells>
  <conditionalFormatting sqref="C4:C5">
    <cfRule type="containsBlanks" dxfId="7" priority="463">
      <formula>LEN(TRIM(C4))=0</formula>
    </cfRule>
  </conditionalFormatting>
  <conditionalFormatting sqref="C99">
    <cfRule type="containsBlanks" dxfId="6" priority="465">
      <formula>LEN(TRIM(C99))=0</formula>
    </cfRule>
  </conditionalFormatting>
  <conditionalFormatting sqref="C101">
    <cfRule type="containsBlanks" dxfId="5" priority="464">
      <formula>LEN(TRIM(C101))=0</formula>
    </cfRule>
  </conditionalFormatting>
  <conditionalFormatting sqref="C90:D93">
    <cfRule type="containsBlanks" dxfId="4" priority="402">
      <formula>LEN(TRIM(C90))=0</formula>
    </cfRule>
  </conditionalFormatting>
  <conditionalFormatting sqref="D40:D47">
    <cfRule type="containsBlanks" dxfId="3" priority="79">
      <formula>LEN(TRIM(D40))=0</formula>
    </cfRule>
  </conditionalFormatting>
  <conditionalFormatting sqref="D53:D74">
    <cfRule type="containsBlanks" dxfId="2" priority="1">
      <formula>LEN(TRIM(D53))=0</formula>
    </cfRule>
  </conditionalFormatting>
  <conditionalFormatting sqref="D80:D84">
    <cfRule type="containsBlanks" dxfId="1" priority="105">
      <formula>LEN(TRIM(D80))=0</formula>
    </cfRule>
  </conditionalFormatting>
  <conditionalFormatting sqref="E101:F102">
    <cfRule type="containsBlanks" dxfId="0" priority="466">
      <formula>LEN(TRIM(E101))=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2" manualBreakCount="2">
    <brk id="63" max="5" man="1"/>
    <brk id="72"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2-19T08:28:35Z</cp:lastPrinted>
  <dcterms:created xsi:type="dcterms:W3CDTF">2017-04-21T05:51:15Z</dcterms:created>
  <dcterms:modified xsi:type="dcterms:W3CDTF">2026-02-19T08:46:55Z</dcterms:modified>
</cp:coreProperties>
</file>